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6"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松陽台佐藤クリニック</t>
    <phoneticPr fontId="3"/>
  </si>
  <si>
    <t>〒693-0006 出雲市白枝町９８８－１</t>
    <phoneticPr fontId="3"/>
  </si>
  <si>
    <t>〇</t>
  </si>
  <si>
    <t>医療法人</t>
  </si>
  <si>
    <t>産婦人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31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0</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2</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2</v>
      </c>
      <c r="K157" s="99" t="str">
        <f t="shared" ref="K157:K172" si="1">IF(OR(COUNTIF(L157:O157,"未確認")&gt;0,COUNTIF(L157:O157,"*")&gt;0),"※","")</f>
        <v/>
      </c>
      <c r="L157" s="167">
        <v>0</v>
      </c>
      <c r="M157" s="167">
        <v>1</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0</v>
      </c>
      <c r="M159" s="167">
        <v>0</v>
      </c>
      <c r="N159" s="167">
        <v>2</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1.5</v>
      </c>
      <c r="K160" s="99" t="str">
        <f t="shared" si="1"/>
        <v/>
      </c>
      <c r="L160" s="168">
        <v>0.7</v>
      </c>
      <c r="M160" s="168">
        <v>0.8</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1.5</v>
      </c>
      <c r="K162" s="99" t="str">
        <f t="shared" si="1"/>
        <v/>
      </c>
      <c r="L162" s="168">
        <v>1.5</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2</v>
      </c>
      <c r="K163" s="99" t="str">
        <f t="shared" si="1"/>
        <v/>
      </c>
      <c r="L163" s="167">
        <v>2</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1.6</v>
      </c>
      <c r="K164" s="99" t="str">
        <f t="shared" si="1"/>
        <v/>
      </c>
      <c r="L164" s="168">
        <v>1.6</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1</v>
      </c>
      <c r="K179" s="99" t="str">
        <f>IF(OR(COUNTIF(L179:O179,"未確認")&gt;0,COUNTIF(L179:O179,"*")&gt;0),"※","")</f>
        <v/>
      </c>
      <c r="L179" s="167">
        <v>1</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00</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00</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00</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21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06</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98</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6</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04</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04</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04</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04</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t="s">
        <v>338</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3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28</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6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55</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0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1:20Z</cp:lastPrinted>
  <dcterms:created xsi:type="dcterms:W3CDTF">2019-03-05T11:12:49Z</dcterms:created>
  <dcterms:modified xsi:type="dcterms:W3CDTF">2021-05-24T00:21:21Z</dcterms:modified>
</cp:coreProperties>
</file>